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9D4EAAE" w14:textId="4F104366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18.8pt;margin-top:21.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827552240" r:id="rId8"/>
        </w:object>
      </w:r>
    </w:p>
    <w:p w14:paraId="683BE7C8" w14:textId="7E06D520" w:rsidR="00324EE3" w:rsidRDefault="00730F6B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18540519">
                <wp:simplePos x="0" y="0"/>
                <wp:positionH relativeFrom="page">
                  <wp:posOffset>2028825</wp:posOffset>
                </wp:positionH>
                <wp:positionV relativeFrom="paragraph">
                  <wp:posOffset>10731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59.75pt;margin-top:8.4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CiwPC1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D37C3F0" w14:textId="182C7EBD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00542B34" w:rsidR="00324EE3" w:rsidRDefault="00941F75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205EB647">
                <wp:simplePos x="0" y="0"/>
                <wp:positionH relativeFrom="page">
                  <wp:posOffset>2114550</wp:posOffset>
                </wp:positionH>
                <wp:positionV relativeFrom="paragraph">
                  <wp:posOffset>274955</wp:posOffset>
                </wp:positionV>
                <wp:extent cx="3209925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209925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2C105503" w:rsidR="00100AC2" w:rsidRDefault="00EB25DE" w:rsidP="00DE1C26">
                            <w:pPr>
                              <w:jc w:val="center"/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</w:p>
                          <w:p w14:paraId="2DC9F30C" w14:textId="2EAF8E18" w:rsidR="00EB25DE" w:rsidRPr="00C263E2" w:rsidRDefault="0004363C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66.5pt;margin-top:21.65pt;width:252.7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" filled="f" stroked="f">
                <v:textbox>
                  <w:txbxContent>
                    <w:p w14:paraId="009D4E1A" w14:textId="2C105503" w:rsidR="00100AC2" w:rsidRDefault="00EB25DE" w:rsidP="00DE1C26">
                      <w:pPr>
                        <w:jc w:val="center"/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</w:p>
                    <w:p w14:paraId="2DC9F30C" w14:textId="2EAF8E18" w:rsidR="00EB25DE" w:rsidRPr="00C263E2" w:rsidRDefault="0004363C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1DBD2713" w:rsidR="00324EE3" w:rsidRDefault="00BE243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5995365A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495AB47C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380A1F04" w:rsidR="00324EE3" w:rsidRDefault="0004363C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42491EF8">
                <wp:simplePos x="0" y="0"/>
                <wp:positionH relativeFrom="margin">
                  <wp:posOffset>4839970</wp:posOffset>
                </wp:positionH>
                <wp:positionV relativeFrom="paragraph">
                  <wp:posOffset>2540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3722BE9C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A74122">
                              <w:t xml:space="preserve"> </w:t>
                            </w:r>
                            <w:r w:rsidR="00E502CE">
                              <w:t>1721</w:t>
                            </w:r>
                          </w:p>
                          <w:p w14:paraId="3B77EAEF" w14:textId="64645727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DE1C26">
                              <w:t>1</w:t>
                            </w:r>
                            <w:r w:rsidR="004C067A">
                              <w:t>8</w:t>
                            </w:r>
                            <w:r w:rsidR="00A70A8F">
                              <w:t>/</w:t>
                            </w:r>
                            <w:r w:rsidR="00DE1C26">
                              <w:t>12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DE1C26">
                              <w:t>5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381.1pt;margin-top:2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" filled="f" stroked="f">
                <v:textbox style="mso-fit-shape-to-text:t">
                  <w:txbxContent>
                    <w:p w14:paraId="2930429B" w14:textId="3722BE9C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A74122">
                        <w:t xml:space="preserve"> </w:t>
                      </w:r>
                      <w:r w:rsidR="00E502CE">
                        <w:t>1721</w:t>
                      </w:r>
                    </w:p>
                    <w:p w14:paraId="3B77EAEF" w14:textId="64645727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DE1C26">
                        <w:t>1</w:t>
                      </w:r>
                      <w:r w:rsidR="004C067A">
                        <w:t>8</w:t>
                      </w:r>
                      <w:r w:rsidR="00A70A8F">
                        <w:t>/</w:t>
                      </w:r>
                      <w:r w:rsidR="00DE1C26">
                        <w:t>12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DE1C26">
                        <w:t>5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03226CE" w14:textId="78175E97" w:rsidR="00324EE3" w:rsidRDefault="00324EE3" w:rsidP="005333E9">
      <w:pPr>
        <w:rPr>
          <w:rFonts w:ascii="Trebuchet MS" w:hAnsi="Trebuchet MS"/>
          <w:b/>
          <w:sz w:val="24"/>
          <w:szCs w:val="24"/>
          <w:lang w:val="en-US"/>
        </w:rPr>
      </w:pP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0DDB068C" w14:textId="3A6C93EE" w:rsidR="00A74122" w:rsidRPr="00B00B7A" w:rsidRDefault="00A74122" w:rsidP="00A74122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</w:pP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 </w:t>
      </w:r>
      <w:r w:rsidR="00730F6B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  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</w:t>
      </w:r>
      <w:r w:rsidR="004C06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    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>REZULTATUL</w:t>
      </w:r>
    </w:p>
    <w:p w14:paraId="643A849F" w14:textId="5F492003" w:rsidR="00A74122" w:rsidRPr="00B00B7A" w:rsidRDefault="00A74122" w:rsidP="00A74122">
      <w:pPr>
        <w:spacing w:after="0" w:line="240" w:lineRule="auto"/>
        <w:ind w:left="708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</w:pP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probei scrise la examenul de promovare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în treapta profesională  imediat superioară celei </w:t>
      </w:r>
      <w:bookmarkStart w:id="0" w:name="_Hlk119311756"/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deținute a personalului încadrat în funcția contractuală de </w:t>
      </w:r>
      <w:r w:rsidR="00DE1C2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m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uncitor calificat,</w:t>
      </w:r>
      <w:r w:rsidR="00F874E2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treapta II, </w:t>
      </w:r>
      <w:bookmarkEnd w:id="0"/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organizat de D.J.S.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T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Dolj în data de </w:t>
      </w:r>
      <w:r w:rsidR="00DE1C2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17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.</w:t>
      </w:r>
      <w:r w:rsidR="00DE1C2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12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.202</w:t>
      </w:r>
      <w:r w:rsidR="0017140C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5</w:t>
      </w:r>
    </w:p>
    <w:p w14:paraId="33FEC3C5" w14:textId="77777777" w:rsidR="00A74122" w:rsidRPr="00B00B7A" w:rsidRDefault="00A74122" w:rsidP="00A74122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</w:pPr>
    </w:p>
    <w:p w14:paraId="2AD5373B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50B48C81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 </w:t>
      </w:r>
    </w:p>
    <w:tbl>
      <w:tblPr>
        <w:tblW w:w="9526" w:type="dxa"/>
        <w:tblInd w:w="108" w:type="dxa"/>
        <w:tblLayout w:type="fixed"/>
        <w:tblLook w:val="0000" w:firstRow="0" w:lastRow="0" w:firstColumn="0" w:lastColumn="0" w:noHBand="0" w:noVBand="0"/>
      </w:tblPr>
      <w:tblGrid>
        <w:gridCol w:w="596"/>
        <w:gridCol w:w="1915"/>
        <w:gridCol w:w="2511"/>
        <w:gridCol w:w="1953"/>
        <w:gridCol w:w="992"/>
        <w:gridCol w:w="1559"/>
      </w:tblGrid>
      <w:tr w:rsidR="00A74122" w:rsidRPr="00B00B7A" w14:paraId="40FB417E" w14:textId="77777777" w:rsidTr="00B178C1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397F01F0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r. crt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587A1C31" w14:textId="355CA7EE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um</w:t>
            </w:r>
            <w:r w:rsidR="00730F6B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ărul și data  înregistrare dosar de concurs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5F9872FE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Funcţia publică din care promovează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76806964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Compartiment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3758097B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Punctaj proba scrisă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477079BE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Rezultatul probei scrise</w:t>
            </w:r>
          </w:p>
        </w:tc>
      </w:tr>
      <w:tr w:rsidR="00A74122" w:rsidRPr="00B00B7A" w14:paraId="25A870D9" w14:textId="77777777" w:rsidTr="00B178C1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020C65F4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30AFF9B0" w14:textId="042CA371" w:rsidR="00A74122" w:rsidRPr="00B00B7A" w:rsidRDefault="00DE1C26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606</w:t>
            </w:r>
            <w:r w:rsidR="00A74122"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03</w:t>
            </w:r>
            <w:r w:rsidR="00783542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.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2</w:t>
            </w:r>
            <w:r w:rsidR="00783542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.202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5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6A0AA9AE" w14:textId="5BB2A315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361C79C3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011ECC23" w14:textId="428971F9" w:rsidR="00A74122" w:rsidRPr="00B00B7A" w:rsidRDefault="0017140C" w:rsidP="00DE1C26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75 puncte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158A0966" w14:textId="77777777" w:rsidR="00A74122" w:rsidRPr="00B00B7A" w:rsidRDefault="00A7412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</w:p>
          <w:p w14:paraId="6B9747C0" w14:textId="77777777" w:rsidR="00A74122" w:rsidRPr="00B00B7A" w:rsidRDefault="00A7412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58618C1A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49FDF9D7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 xml:space="preserve">2. 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2F66921C" w14:textId="426BB7CB" w:rsidR="00A74122" w:rsidRPr="00B00B7A" w:rsidRDefault="00DE1C26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607</w:t>
            </w:r>
            <w:r w:rsidR="00A74122"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0</w:t>
            </w:r>
            <w:r w:rsidR="00783542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3.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2</w:t>
            </w:r>
            <w:r w:rsidR="00783542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.202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5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0D001052" w14:textId="6F2756B0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567ECC97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597B9C8A" w14:textId="44FEEF6E" w:rsidR="00A74122" w:rsidRPr="00B00B7A" w:rsidRDefault="0017140C" w:rsidP="00C427F9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85 puncte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7631323F" w14:textId="77777777" w:rsidR="00A74122" w:rsidRPr="00B00B7A" w:rsidRDefault="00A7412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</w:tbl>
    <w:p w14:paraId="2391520A" w14:textId="77777777" w:rsidR="00A74122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04BB4270" w14:textId="708C2460" w:rsidR="00366ECE" w:rsidRDefault="00A74122" w:rsidP="00783542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  <w:lang w:val="en-US"/>
        </w:rPr>
      </w:pP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Rezultatel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l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roba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scrisa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s-au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fișat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stăz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="00DE1C26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18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</w:t>
      </w:r>
      <w:r w:rsidR="00DE1C26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12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202</w:t>
      </w:r>
      <w:r w:rsidR="00DE1C26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5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ora </w:t>
      </w:r>
      <w:r w:rsidR="008E4E47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12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</w:t>
      </w:r>
      <w:r w:rsidR="00DE1C26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0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0, l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sediul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D.J.S.T. Dolj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,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din Craiova,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din Str.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Gh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 Doja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nr 2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și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pe site-ul </w:t>
      </w:r>
      <w:proofErr w:type="spellStart"/>
      <w:proofErr w:type="gram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instituției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:</w:t>
      </w:r>
      <w:proofErr w:type="gram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hyperlink r:id="rId10" w:history="1">
        <w:r w:rsidR="00783542" w:rsidRPr="00783542">
          <w:rPr>
            <w:rStyle w:val="Hyperlink"/>
            <w:rFonts w:ascii="Times New Roman" w:hAnsi="Times New Roman"/>
            <w:sz w:val="24"/>
            <w:szCs w:val="24"/>
          </w:rPr>
          <w:t>www.sportdolj.ro</w:t>
        </w:r>
      </w:hyperlink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. </w:t>
      </w:r>
    </w:p>
    <w:p w14:paraId="41EBA525" w14:textId="1DF6161E" w:rsidR="00DE1C26" w:rsidRDefault="00A74122" w:rsidP="00783542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  <w:lang w:val="en-US"/>
        </w:rPr>
      </w:pP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Sunt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declaraț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dmiș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l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roba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scrisă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andidați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care au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obținut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minimum 50 de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unct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conf. art.45 alin.2 </w:t>
      </w:r>
      <w:proofErr w:type="spellStart"/>
      <w:proofErr w:type="gram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lit.a</w:t>
      </w:r>
      <w:proofErr w:type="spellEnd"/>
      <w:proofErr w:type="gram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)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din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H.G.1336/2022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entru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proofErr w:type="gram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probarea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Regulamentului</w:t>
      </w:r>
      <w:proofErr w:type="gram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-cadru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privind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organizarea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şi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dezvoltarea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carierei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personalului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contractual din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sectorul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bugetar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plătit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din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fonduri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publice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,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cu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modificările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și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ompletările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ulterioar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. </w:t>
      </w:r>
    </w:p>
    <w:p w14:paraId="71015ABC" w14:textId="0EC1F549" w:rsidR="00A74122" w:rsidRPr="00783542" w:rsidRDefault="00A74122" w:rsidP="00783542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  <w:lang w:val="en-US"/>
        </w:rPr>
      </w:pP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andidați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nemulțumiț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pot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depun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ontestaţi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în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termen de cel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mult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o zi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lucrătoar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de la dat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fişări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rezultatelor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l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roba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scrisă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, conform art. 53 din HG nr. 1336/2022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cu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modificările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și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ompletările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ulterioar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</w:t>
      </w:r>
    </w:p>
    <w:p w14:paraId="13DBFC64" w14:textId="1905079A" w:rsidR="00A74122" w:rsidRPr="00783542" w:rsidRDefault="00A74122" w:rsidP="0078354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lang w:val="en-US"/>
        </w:rPr>
      </w:pPr>
      <w:r w:rsidRPr="00783542">
        <w:rPr>
          <w:rFonts w:ascii="Times New Roman" w:eastAsia="Times New Roman" w:hAnsi="Times New Roman"/>
          <w:noProof w:val="0"/>
          <w:kern w:val="0"/>
          <w:lang w:val="en-US"/>
        </w:rPr>
        <w:t xml:space="preserve">        </w:t>
      </w:r>
    </w:p>
    <w:p w14:paraId="14FBFF62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</w:p>
    <w:p w14:paraId="22810195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sz w:val="24"/>
          <w:szCs w:val="24"/>
        </w:rPr>
      </w:pPr>
    </w:p>
    <w:p w14:paraId="4A2686B2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430A4523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7C0B2DD2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B00B7A">
        <w:rPr>
          <w:rFonts w:ascii="Times New Roman" w:hAnsi="Times New Roman"/>
          <w:sz w:val="24"/>
          <w:szCs w:val="24"/>
        </w:rPr>
        <w:t xml:space="preserve">Secretar comisie examen : </w:t>
      </w:r>
    </w:p>
    <w:p w14:paraId="53E9D6E3" w14:textId="17F23765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hAnsi="Times New Roman"/>
          <w:sz w:val="24"/>
          <w:szCs w:val="24"/>
        </w:rPr>
        <w:t>Ștefănescu Roxana</w:t>
      </w:r>
      <w:r w:rsidR="0017140C">
        <w:rPr>
          <w:rFonts w:ascii="Times New Roman" w:hAnsi="Times New Roman"/>
          <w:sz w:val="24"/>
          <w:szCs w:val="24"/>
        </w:rPr>
        <w:t>-Laura</w:t>
      </w:r>
      <w:r w:rsidRPr="00B00B7A">
        <w:rPr>
          <w:rFonts w:ascii="Times New Roman" w:hAnsi="Times New Roman"/>
          <w:sz w:val="24"/>
          <w:szCs w:val="24"/>
        </w:rPr>
        <w:t xml:space="preserve"> – consilier superior</w:t>
      </w:r>
    </w:p>
    <w:p w14:paraId="4CE59735" w14:textId="77777777" w:rsidR="00A74122" w:rsidRPr="00B00B7A" w:rsidRDefault="00A74122" w:rsidP="00A74122">
      <w:pPr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sectPr w:rsidR="00765F5C" w:rsidSect="00B45CC0">
      <w:footerReference w:type="default" r:id="rId11"/>
      <w:pgSz w:w="11907" w:h="16840" w:code="9"/>
      <w:pgMar w:top="426" w:right="927" w:bottom="10" w:left="1276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0C693FD" w14:textId="77777777" w:rsidR="00B04240" w:rsidRDefault="00B04240" w:rsidP="00EB25DE">
      <w:pPr>
        <w:spacing w:after="0" w:line="240" w:lineRule="auto"/>
      </w:pPr>
      <w:r>
        <w:separator/>
      </w:r>
    </w:p>
  </w:endnote>
  <w:endnote w:type="continuationSeparator" w:id="0">
    <w:p w14:paraId="03991781" w14:textId="77777777" w:rsidR="00B04240" w:rsidRDefault="00B04240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4F9443E2" w14:textId="77777777" w:rsidR="00B04240" w:rsidRDefault="00B04240" w:rsidP="00EB25DE">
      <w:pPr>
        <w:spacing w:after="0" w:line="240" w:lineRule="auto"/>
      </w:pPr>
      <w:r>
        <w:separator/>
      </w:r>
    </w:p>
  </w:footnote>
  <w:footnote w:type="continuationSeparator" w:id="0">
    <w:p w14:paraId="5883819A" w14:textId="77777777" w:rsidR="00B04240" w:rsidRDefault="00B04240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1"/>
  </w:num>
  <w:num w:numId="2" w16cid:durableId="17358168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4363C"/>
    <w:rsid w:val="00056851"/>
    <w:rsid w:val="00061DB5"/>
    <w:rsid w:val="00067A31"/>
    <w:rsid w:val="00094AF6"/>
    <w:rsid w:val="000D5159"/>
    <w:rsid w:val="000E6621"/>
    <w:rsid w:val="000F1194"/>
    <w:rsid w:val="000F1E90"/>
    <w:rsid w:val="000F3365"/>
    <w:rsid w:val="000F373D"/>
    <w:rsid w:val="00100AC2"/>
    <w:rsid w:val="00102231"/>
    <w:rsid w:val="00150323"/>
    <w:rsid w:val="00162B67"/>
    <w:rsid w:val="0017140C"/>
    <w:rsid w:val="001D5897"/>
    <w:rsid w:val="001F148A"/>
    <w:rsid w:val="00223DE1"/>
    <w:rsid w:val="00234812"/>
    <w:rsid w:val="00264781"/>
    <w:rsid w:val="00272805"/>
    <w:rsid w:val="00276C32"/>
    <w:rsid w:val="00284850"/>
    <w:rsid w:val="002B32CE"/>
    <w:rsid w:val="002E43FC"/>
    <w:rsid w:val="002E5982"/>
    <w:rsid w:val="00302D4F"/>
    <w:rsid w:val="003148B6"/>
    <w:rsid w:val="00324EE3"/>
    <w:rsid w:val="00344668"/>
    <w:rsid w:val="00353FD0"/>
    <w:rsid w:val="00366ECE"/>
    <w:rsid w:val="003E5ED1"/>
    <w:rsid w:val="003F1BA0"/>
    <w:rsid w:val="00496DA4"/>
    <w:rsid w:val="004A06B6"/>
    <w:rsid w:val="004C067A"/>
    <w:rsid w:val="004C0B5C"/>
    <w:rsid w:val="005333E9"/>
    <w:rsid w:val="00575407"/>
    <w:rsid w:val="00577A25"/>
    <w:rsid w:val="00580A0A"/>
    <w:rsid w:val="00607E73"/>
    <w:rsid w:val="0062286F"/>
    <w:rsid w:val="00636733"/>
    <w:rsid w:val="00654911"/>
    <w:rsid w:val="00663019"/>
    <w:rsid w:val="00675FE3"/>
    <w:rsid w:val="00680084"/>
    <w:rsid w:val="006D1F9B"/>
    <w:rsid w:val="006E59A7"/>
    <w:rsid w:val="00715090"/>
    <w:rsid w:val="00730F6B"/>
    <w:rsid w:val="0074691F"/>
    <w:rsid w:val="007637FA"/>
    <w:rsid w:val="00765F5C"/>
    <w:rsid w:val="00783542"/>
    <w:rsid w:val="007A4ABB"/>
    <w:rsid w:val="00806476"/>
    <w:rsid w:val="00824CCA"/>
    <w:rsid w:val="00846539"/>
    <w:rsid w:val="0085027B"/>
    <w:rsid w:val="00876B75"/>
    <w:rsid w:val="00876C3D"/>
    <w:rsid w:val="008D4242"/>
    <w:rsid w:val="008E1050"/>
    <w:rsid w:val="008E4E47"/>
    <w:rsid w:val="00903643"/>
    <w:rsid w:val="0092276A"/>
    <w:rsid w:val="00922DD2"/>
    <w:rsid w:val="00941F75"/>
    <w:rsid w:val="009A7716"/>
    <w:rsid w:val="009C3B0E"/>
    <w:rsid w:val="009C5794"/>
    <w:rsid w:val="009D6582"/>
    <w:rsid w:val="009E2A1B"/>
    <w:rsid w:val="009F231F"/>
    <w:rsid w:val="009F7423"/>
    <w:rsid w:val="00A05D15"/>
    <w:rsid w:val="00A3103D"/>
    <w:rsid w:val="00A70A8F"/>
    <w:rsid w:val="00A74122"/>
    <w:rsid w:val="00A96A03"/>
    <w:rsid w:val="00AA3EEE"/>
    <w:rsid w:val="00AB1440"/>
    <w:rsid w:val="00AD0C39"/>
    <w:rsid w:val="00B04240"/>
    <w:rsid w:val="00B21D7A"/>
    <w:rsid w:val="00B45CC0"/>
    <w:rsid w:val="00BA15C3"/>
    <w:rsid w:val="00BA695C"/>
    <w:rsid w:val="00BB1912"/>
    <w:rsid w:val="00BC5754"/>
    <w:rsid w:val="00BD5C0E"/>
    <w:rsid w:val="00BE2430"/>
    <w:rsid w:val="00C1268C"/>
    <w:rsid w:val="00C2039F"/>
    <w:rsid w:val="00C427F9"/>
    <w:rsid w:val="00C90C9F"/>
    <w:rsid w:val="00CB568C"/>
    <w:rsid w:val="00CD4051"/>
    <w:rsid w:val="00CE5495"/>
    <w:rsid w:val="00D571DD"/>
    <w:rsid w:val="00D57D66"/>
    <w:rsid w:val="00D94712"/>
    <w:rsid w:val="00DC7F02"/>
    <w:rsid w:val="00DE1C26"/>
    <w:rsid w:val="00DF22F9"/>
    <w:rsid w:val="00DF318E"/>
    <w:rsid w:val="00E021C4"/>
    <w:rsid w:val="00E25FE6"/>
    <w:rsid w:val="00E502CE"/>
    <w:rsid w:val="00EB25DE"/>
    <w:rsid w:val="00EF64A5"/>
    <w:rsid w:val="00F22DEF"/>
    <w:rsid w:val="00F52290"/>
    <w:rsid w:val="00F53673"/>
    <w:rsid w:val="00F72885"/>
    <w:rsid w:val="00F758D4"/>
    <w:rsid w:val="00F8082C"/>
    <w:rsid w:val="00F86190"/>
    <w:rsid w:val="00F874E2"/>
    <w:rsid w:val="00F8777B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Hyperlink">
    <w:name w:val="Hyperlink"/>
    <w:basedOn w:val="DefaultParagraphFont"/>
    <w:uiPriority w:val="99"/>
    <w:unhideWhenUsed/>
    <w:rsid w:val="00783542"/>
    <w:rPr>
      <w:color w:val="0000FF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78354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1</TotalTime>
  <Pages>1</Pages>
  <Words>226</Words>
  <Characters>1291</Characters>
  <Application>Microsoft Office Word</Application>
  <DocSecurity>0</DocSecurity>
  <Lines>10</Lines>
  <Paragraphs>3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15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i51</dc:creator>
  <cp:lastModifiedBy>Carmen Vaduva</cp:lastModifiedBy>
  <cp:revision>2</cp:revision>
  <cp:lastPrinted>2024-03-28T13:22:00Z</cp:lastPrinted>
  <dcterms:created xsi:type="dcterms:W3CDTF">2025-12-18T06:38:00Z</dcterms:created>
  <dcterms:modified xsi:type="dcterms:W3CDTF">2025-12-18T06:38:00Z</dcterms:modified>
</cp:coreProperties>
</file>